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0.1）\"/>
    </mc:Choice>
  </mc:AlternateContent>
  <xr:revisionPtr revIDLastSave="0" documentId="13_ncr:1_{CC58E9C3-21FB-4A74-BB3C-75212D5718BA}" xr6:coauthVersionLast="36" xr6:coauthVersionMax="43" xr10:uidLastSave="{00000000-0000-0000-0000-000000000000}"/>
  <bookViews>
    <workbookView xWindow="525" yWindow="75" windowWidth="22515" windowHeight="1170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9" uniqueCount="7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ギリシャ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パキスタン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不明</t>
    <rPh sb="0" eb="2">
      <t>フメイ</t>
    </rPh>
    <phoneticPr fontId="18"/>
  </si>
  <si>
    <t>令和 7年 9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4"/>
  <sheetViews>
    <sheetView tabSelected="1" zoomScale="90" zoomScaleNormal="9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6</v>
      </c>
    </row>
    <row r="4" spans="1:5" ht="21" x14ac:dyDescent="0.4">
      <c r="A4" s="4" t="s">
        <v>48</v>
      </c>
      <c r="D4" s="13" t="s">
        <v>49</v>
      </c>
      <c r="E4" s="3" t="s">
        <v>76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3</v>
      </c>
      <c r="C8" s="11">
        <v>1</v>
      </c>
      <c r="D8" s="12">
        <v>2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82</v>
      </c>
      <c r="C12" s="11">
        <v>69</v>
      </c>
      <c r="D12" s="12">
        <v>113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45</v>
      </c>
      <c r="C14" s="11">
        <v>10</v>
      </c>
      <c r="D14" s="12">
        <v>35</v>
      </c>
      <c r="E14" s="7"/>
    </row>
    <row r="15" spans="1:5" ht="25.15" customHeight="1" x14ac:dyDescent="0.4">
      <c r="A15" s="7" t="s">
        <v>9</v>
      </c>
      <c r="B15" s="8">
        <v>6</v>
      </c>
      <c r="C15" s="11">
        <v>5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1</v>
      </c>
      <c r="C19" s="11">
        <v>10</v>
      </c>
      <c r="D19" s="12">
        <v>1</v>
      </c>
      <c r="E19" s="7"/>
    </row>
    <row r="20" spans="1:5" ht="25.15" customHeight="1" x14ac:dyDescent="0.4">
      <c r="A20" s="7" t="s">
        <v>12</v>
      </c>
      <c r="B20" s="8">
        <v>34</v>
      </c>
      <c r="C20" s="11">
        <v>15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5</v>
      </c>
      <c r="C21" s="11">
        <v>88</v>
      </c>
      <c r="D21" s="12">
        <v>97</v>
      </c>
      <c r="E21" s="7"/>
    </row>
    <row r="22" spans="1:5" ht="25.15" customHeight="1" x14ac:dyDescent="0.4">
      <c r="A22" s="7" t="s">
        <v>14</v>
      </c>
      <c r="B22" s="8">
        <v>40</v>
      </c>
      <c r="C22" s="11">
        <v>18</v>
      </c>
      <c r="D22" s="12">
        <v>22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70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3</v>
      </c>
      <c r="C28" s="11">
        <v>2</v>
      </c>
      <c r="D28" s="12">
        <v>1</v>
      </c>
      <c r="E28" s="7"/>
    </row>
    <row r="29" spans="1:5" ht="25.15" customHeight="1" x14ac:dyDescent="0.4">
      <c r="A29" s="7" t="s">
        <v>59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17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67</v>
      </c>
      <c r="B31" s="8">
        <v>2</v>
      </c>
      <c r="C31" s="11">
        <v>2</v>
      </c>
      <c r="D31" s="12">
        <v>0</v>
      </c>
      <c r="E31" s="7"/>
    </row>
    <row r="32" spans="1:5" ht="25.15" customHeight="1" x14ac:dyDescent="0.4">
      <c r="A32" s="7" t="s">
        <v>18</v>
      </c>
      <c r="B32" s="8">
        <v>76</v>
      </c>
      <c r="C32" s="11">
        <v>56</v>
      </c>
      <c r="D32" s="12">
        <v>20</v>
      </c>
      <c r="E32" s="7"/>
    </row>
    <row r="33" spans="1:5" ht="25.15" customHeight="1" x14ac:dyDescent="0.4">
      <c r="A33" s="7" t="s">
        <v>19</v>
      </c>
      <c r="B33" s="8">
        <v>232</v>
      </c>
      <c r="C33" s="11">
        <v>182</v>
      </c>
      <c r="D33" s="12">
        <v>50</v>
      </c>
      <c r="E33" s="7"/>
    </row>
    <row r="34" spans="1:5" ht="25.15" customHeight="1" x14ac:dyDescent="0.4">
      <c r="A34" s="7" t="s">
        <v>64</v>
      </c>
      <c r="B34" s="8">
        <v>3</v>
      </c>
      <c r="C34" s="11">
        <v>1</v>
      </c>
      <c r="D34" s="12">
        <v>2</v>
      </c>
      <c r="E34" s="7"/>
    </row>
    <row r="35" spans="1:5" ht="25.15" customHeight="1" x14ac:dyDescent="0.4">
      <c r="A35" s="7" t="s">
        <v>20</v>
      </c>
      <c r="B35" s="8">
        <v>2</v>
      </c>
      <c r="C35" s="11">
        <v>1</v>
      </c>
      <c r="D35" s="12">
        <v>1</v>
      </c>
      <c r="E35" s="7"/>
    </row>
    <row r="36" spans="1:5" ht="25.15" customHeight="1" x14ac:dyDescent="0.4">
      <c r="A36" s="7" t="s">
        <v>21</v>
      </c>
      <c r="B36" s="8">
        <v>2</v>
      </c>
      <c r="C36" s="11">
        <v>2</v>
      </c>
      <c r="D36" s="12">
        <v>0</v>
      </c>
      <c r="E36" s="7"/>
    </row>
    <row r="37" spans="1:5" ht="25.15" customHeight="1" x14ac:dyDescent="0.4">
      <c r="A37" s="7" t="s">
        <v>63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2</v>
      </c>
      <c r="B38" s="8">
        <v>2</v>
      </c>
      <c r="C38" s="11">
        <v>2</v>
      </c>
      <c r="D38" s="12">
        <v>0</v>
      </c>
      <c r="E38" s="7"/>
    </row>
    <row r="39" spans="1:5" ht="25.15" customHeight="1" x14ac:dyDescent="0.4">
      <c r="A39" s="7" t="s">
        <v>23</v>
      </c>
      <c r="B39" s="8">
        <v>101</v>
      </c>
      <c r="C39" s="11">
        <v>57</v>
      </c>
      <c r="D39" s="12">
        <v>44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2</v>
      </c>
      <c r="B41" s="8">
        <v>4</v>
      </c>
      <c r="C41" s="11">
        <v>2</v>
      </c>
      <c r="D41" s="12">
        <v>2</v>
      </c>
      <c r="E41" s="7"/>
    </row>
    <row r="42" spans="1:5" ht="25.15" customHeight="1" x14ac:dyDescent="0.4">
      <c r="A42" s="7" t="s">
        <v>24</v>
      </c>
      <c r="B42" s="8">
        <v>5</v>
      </c>
      <c r="C42" s="11">
        <v>5</v>
      </c>
      <c r="D42" s="12">
        <v>0</v>
      </c>
      <c r="E42" s="7"/>
    </row>
    <row r="43" spans="1:5" ht="25.15" customHeight="1" x14ac:dyDescent="0.4">
      <c r="A43" s="7" t="s">
        <v>25</v>
      </c>
      <c r="B43" s="8">
        <v>7</v>
      </c>
      <c r="C43" s="11">
        <v>4</v>
      </c>
      <c r="D43" s="12">
        <v>3</v>
      </c>
      <c r="E43" s="7"/>
    </row>
    <row r="44" spans="1:5" ht="25.15" customHeight="1" x14ac:dyDescent="0.4">
      <c r="A44" s="7" t="s">
        <v>26</v>
      </c>
      <c r="B44" s="8">
        <v>3</v>
      </c>
      <c r="C44" s="11">
        <v>2</v>
      </c>
      <c r="D44" s="12">
        <v>1</v>
      </c>
      <c r="E44" s="7"/>
    </row>
    <row r="45" spans="1:5" ht="25.15" customHeight="1" x14ac:dyDescent="0.4">
      <c r="A45" s="7" t="s">
        <v>69</v>
      </c>
      <c r="B45" s="8">
        <v>2</v>
      </c>
      <c r="C45" s="11">
        <v>0</v>
      </c>
      <c r="D45" s="12">
        <v>2</v>
      </c>
      <c r="E45" s="7"/>
    </row>
    <row r="46" spans="1:5" ht="25.15" customHeight="1" x14ac:dyDescent="0.4">
      <c r="A46" s="7" t="s">
        <v>68</v>
      </c>
      <c r="B46" s="8">
        <v>1</v>
      </c>
      <c r="C46" s="11">
        <v>1</v>
      </c>
      <c r="D46" s="12">
        <v>0</v>
      </c>
      <c r="E46" s="7"/>
    </row>
    <row r="47" spans="1:5" ht="25.15" customHeight="1" x14ac:dyDescent="0.4">
      <c r="A47" s="7" t="s">
        <v>27</v>
      </c>
      <c r="B47" s="8">
        <v>84</v>
      </c>
      <c r="C47" s="11">
        <v>45</v>
      </c>
      <c r="D47" s="12">
        <v>39</v>
      </c>
      <c r="E47" s="7"/>
    </row>
    <row r="48" spans="1:5" ht="25.15" customHeight="1" x14ac:dyDescent="0.4">
      <c r="A48" s="7" t="s">
        <v>60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28</v>
      </c>
      <c r="B49" s="8">
        <v>5</v>
      </c>
      <c r="C49" s="11">
        <v>5</v>
      </c>
      <c r="D49" s="12">
        <v>0</v>
      </c>
      <c r="E49" s="7"/>
    </row>
    <row r="50" spans="1:5" ht="25.15" customHeight="1" x14ac:dyDescent="0.4">
      <c r="A50" s="7" t="s">
        <v>73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66</v>
      </c>
      <c r="B51" s="8">
        <v>2</v>
      </c>
      <c r="C51" s="11">
        <v>2</v>
      </c>
      <c r="D51" s="12">
        <v>0</v>
      </c>
      <c r="E51" s="7"/>
    </row>
    <row r="52" spans="1:5" ht="25.15" customHeight="1" x14ac:dyDescent="0.4">
      <c r="A52" s="7" t="s">
        <v>29</v>
      </c>
      <c r="B52" s="8">
        <v>59</v>
      </c>
      <c r="C52" s="11">
        <v>26</v>
      </c>
      <c r="D52" s="12">
        <v>33</v>
      </c>
      <c r="E52" s="7"/>
    </row>
    <row r="53" spans="1:5" ht="25.15" customHeight="1" x14ac:dyDescent="0.4">
      <c r="A53" s="7" t="s">
        <v>30</v>
      </c>
      <c r="B53" s="8">
        <v>441</v>
      </c>
      <c r="C53" s="11">
        <v>206</v>
      </c>
      <c r="D53" s="12">
        <v>235</v>
      </c>
      <c r="E53" s="7"/>
    </row>
    <row r="54" spans="1:5" ht="25.15" customHeight="1" x14ac:dyDescent="0.4">
      <c r="A54" s="7" t="s">
        <v>65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4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1</v>
      </c>
      <c r="C58" s="11">
        <v>3</v>
      </c>
      <c r="D58" s="12">
        <v>8</v>
      </c>
      <c r="E58" s="7"/>
    </row>
    <row r="59" spans="1:5" ht="25.15" customHeight="1" x14ac:dyDescent="0.4">
      <c r="A59" s="7" t="s">
        <v>33</v>
      </c>
      <c r="B59" s="8">
        <v>5</v>
      </c>
      <c r="C59" s="11">
        <v>3</v>
      </c>
      <c r="D59" s="12">
        <v>2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1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4</v>
      </c>
      <c r="C62" s="11">
        <v>1</v>
      </c>
      <c r="D62" s="12">
        <v>3</v>
      </c>
      <c r="E62" s="7"/>
    </row>
    <row r="63" spans="1:5" ht="25.15" customHeight="1" x14ac:dyDescent="0.4">
      <c r="A63" s="7" t="s">
        <v>62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33</v>
      </c>
      <c r="C64" s="11">
        <v>18</v>
      </c>
      <c r="D64" s="12">
        <v>15</v>
      </c>
      <c r="E64" s="7"/>
    </row>
    <row r="65" spans="1:5" ht="25.15" customHeight="1" x14ac:dyDescent="0.4">
      <c r="A65" s="7" t="s">
        <v>71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9</v>
      </c>
      <c r="C67" s="11">
        <v>5</v>
      </c>
      <c r="D67" s="12">
        <v>4</v>
      </c>
      <c r="E67" s="7"/>
    </row>
    <row r="68" spans="1:5" ht="25.15" customHeight="1" x14ac:dyDescent="0.4">
      <c r="A68" s="7" t="s">
        <v>39</v>
      </c>
      <c r="B68" s="8">
        <v>519</v>
      </c>
      <c r="C68" s="11">
        <v>402</v>
      </c>
      <c r="D68" s="12">
        <v>117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41</v>
      </c>
      <c r="B70" s="8">
        <v>220</v>
      </c>
      <c r="C70" s="11">
        <v>162</v>
      </c>
      <c r="D70" s="12">
        <v>58</v>
      </c>
      <c r="E70" s="7"/>
    </row>
    <row r="71" spans="1:5" ht="25.15" customHeight="1" x14ac:dyDescent="0.4">
      <c r="A71" s="7" t="s">
        <v>42</v>
      </c>
      <c r="B71" s="8">
        <v>2</v>
      </c>
      <c r="C71" s="11">
        <v>1</v>
      </c>
      <c r="D71" s="12">
        <v>1</v>
      </c>
      <c r="E71" s="7"/>
    </row>
    <row r="72" spans="1:5" ht="25.15" customHeight="1" x14ac:dyDescent="0.4">
      <c r="A72" s="7" t="s">
        <v>75</v>
      </c>
      <c r="B72" s="8">
        <v>3</v>
      </c>
      <c r="C72" s="11">
        <v>1</v>
      </c>
      <c r="D72" s="12">
        <v>2</v>
      </c>
      <c r="E72" s="7"/>
    </row>
    <row r="73" spans="1:5" ht="25.15" customHeight="1" x14ac:dyDescent="0.4">
      <c r="A73" s="7"/>
      <c r="B73" s="8"/>
      <c r="C73" s="11"/>
      <c r="D73" s="14"/>
      <c r="E73" s="7"/>
    </row>
    <row r="74" spans="1:5" ht="25.15" customHeight="1" x14ac:dyDescent="0.4">
      <c r="A74" s="5" t="s">
        <v>43</v>
      </c>
      <c r="B74" s="8">
        <v>2425</v>
      </c>
      <c r="C74" s="8">
        <v>1467</v>
      </c>
      <c r="D74" s="8">
        <v>958</v>
      </c>
      <c r="E74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03T00:56:01Z</cp:lastPrinted>
  <dcterms:created xsi:type="dcterms:W3CDTF">2019-11-13T10:25:11Z</dcterms:created>
  <dcterms:modified xsi:type="dcterms:W3CDTF">2025-10-02T05:35:38Z</dcterms:modified>
</cp:coreProperties>
</file>